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1245706B" w14:textId="77777777" w:rsidR="00450FF3" w:rsidRPr="007039F8" w:rsidRDefault="00450FF3" w:rsidP="00E72CBB">
      <w:pPr>
        <w:pStyle w:val="Overskrift1"/>
        <w:rPr>
          <w:rFonts w:ascii="Calibri" w:hAnsi="Calibri" w:cs="Calibri"/>
        </w:rPr>
      </w:pPr>
      <w:r w:rsidRPr="007039F8">
        <w:rPr>
          <w:rFonts w:ascii="Calibri" w:hAnsi="Calibri" w:cs="Calibri"/>
        </w:rPr>
        <w:t xml:space="preserve">  </w:t>
      </w:r>
      <w:r w:rsidRPr="007039F8">
        <w:rPr>
          <w:rFonts w:ascii="Calibri" w:hAnsi="Calibri" w:cs="Calibri"/>
        </w:rPr>
        <w:tab/>
        <w:t xml:space="preserve">   </w:t>
      </w:r>
    </w:p>
    <w:p w14:paraId="0CF66A54" w14:textId="77777777" w:rsidR="00450FF3" w:rsidRPr="007039F8" w:rsidRDefault="00450FF3" w:rsidP="00E72CBB">
      <w:pPr>
        <w:pStyle w:val="Overskrift1"/>
        <w:rPr>
          <w:rFonts w:ascii="Calibri" w:hAnsi="Calibri" w:cs="Calibri"/>
        </w:rPr>
      </w:pPr>
    </w:p>
    <w:p w14:paraId="6459C77E" w14:textId="77777777" w:rsidR="0097654B" w:rsidRPr="007039F8" w:rsidRDefault="008A0291" w:rsidP="008A0291">
      <w:pPr>
        <w:pStyle w:val="Overskrift1"/>
        <w:rPr>
          <w:rFonts w:ascii="Calibri" w:hAnsi="Calibri" w:cs="Calibri"/>
          <w:sz w:val="28"/>
        </w:rPr>
      </w:pPr>
      <w:r>
        <w:rPr>
          <w:rFonts w:ascii="Calibri" w:hAnsi="Calibri" w:cs="Calibri"/>
          <w:sz w:val="28"/>
        </w:rPr>
        <w:t xml:space="preserve">         ______________’s uge</w:t>
      </w:r>
      <w:r w:rsidR="007039F8">
        <w:rPr>
          <w:rFonts w:ascii="Calibri" w:hAnsi="Calibri" w:cs="Calibri"/>
          <w:sz w:val="28"/>
        </w:rPr>
        <w:t>plan</w:t>
      </w:r>
    </w:p>
    <w:tbl>
      <w:tblPr>
        <w:tblStyle w:val="Tabel-Gitter1"/>
        <w:tblpPr w:leftFromText="141" w:rightFromText="141" w:vertAnchor="page" w:horzAnchor="margin" w:tblpXSpec="center" w:tblpY="2506"/>
        <w:tblW w:w="14179" w:type="dxa"/>
        <w:tblLook w:val="04A0" w:firstRow="1" w:lastRow="0" w:firstColumn="1" w:lastColumn="0" w:noHBand="0" w:noVBand="1"/>
      </w:tblPr>
      <w:tblGrid>
        <w:gridCol w:w="1392"/>
        <w:gridCol w:w="1858"/>
        <w:gridCol w:w="1832"/>
        <w:gridCol w:w="1840"/>
        <w:gridCol w:w="1850"/>
        <w:gridCol w:w="1950"/>
        <w:gridCol w:w="1694"/>
        <w:gridCol w:w="1763"/>
      </w:tblGrid>
      <w:tr w:rsidR="00A20BE7" w:rsidRPr="007039F8" w14:paraId="6E9A3352" w14:textId="77777777" w:rsidTr="008A0291">
        <w:trPr>
          <w:trHeight w:val="665"/>
        </w:trPr>
        <w:tc>
          <w:tcPr>
            <w:tcW w:w="1392" w:type="dxa"/>
            <w:shd w:val="clear" w:color="auto" w:fill="C00000"/>
          </w:tcPr>
          <w:p w14:paraId="634728B4" w14:textId="77777777" w:rsidR="00A20BE7" w:rsidRPr="00A20BE7" w:rsidRDefault="00A20BE7" w:rsidP="00450FF3">
            <w:pPr>
              <w:rPr>
                <w:rFonts w:eastAsia="Calibri" w:cs="Calibri"/>
                <w:b/>
              </w:rPr>
            </w:pPr>
            <w:r w:rsidRPr="00A20BE7">
              <w:rPr>
                <w:rFonts w:eastAsia="Calibri" w:cs="Calibri"/>
                <w:b/>
              </w:rPr>
              <w:t>Tidspunkt</w:t>
            </w:r>
          </w:p>
        </w:tc>
        <w:tc>
          <w:tcPr>
            <w:tcW w:w="1858" w:type="dxa"/>
            <w:shd w:val="clear" w:color="auto" w:fill="C00000"/>
          </w:tcPr>
          <w:p w14:paraId="3BF16BDD" w14:textId="77777777" w:rsidR="00A20BE7" w:rsidRPr="00A20BE7" w:rsidRDefault="00A20BE7" w:rsidP="00450FF3">
            <w:pPr>
              <w:rPr>
                <w:rFonts w:eastAsia="Calibri" w:cs="Calibri"/>
                <w:b/>
              </w:rPr>
            </w:pPr>
            <w:r w:rsidRPr="00A20BE7">
              <w:rPr>
                <w:rFonts w:eastAsia="Calibri" w:cs="Calibri"/>
                <w:b/>
              </w:rPr>
              <w:t>Mandag</w:t>
            </w:r>
          </w:p>
        </w:tc>
        <w:tc>
          <w:tcPr>
            <w:tcW w:w="1832" w:type="dxa"/>
            <w:shd w:val="clear" w:color="auto" w:fill="C00000"/>
          </w:tcPr>
          <w:p w14:paraId="37C3DB65" w14:textId="77777777" w:rsidR="00A20BE7" w:rsidRPr="00A20BE7" w:rsidRDefault="00A20BE7" w:rsidP="00450FF3">
            <w:pPr>
              <w:rPr>
                <w:rFonts w:eastAsia="Calibri" w:cs="Calibri"/>
                <w:b/>
              </w:rPr>
            </w:pPr>
            <w:r w:rsidRPr="00A20BE7">
              <w:rPr>
                <w:rFonts w:eastAsia="Calibri" w:cs="Calibri"/>
                <w:b/>
              </w:rPr>
              <w:t>Tirsdag</w:t>
            </w:r>
          </w:p>
        </w:tc>
        <w:tc>
          <w:tcPr>
            <w:tcW w:w="1840" w:type="dxa"/>
            <w:shd w:val="clear" w:color="auto" w:fill="C00000"/>
          </w:tcPr>
          <w:p w14:paraId="6FC490EC" w14:textId="77777777" w:rsidR="00A20BE7" w:rsidRPr="00A20BE7" w:rsidRDefault="00A20BE7" w:rsidP="00450FF3">
            <w:pPr>
              <w:rPr>
                <w:rFonts w:eastAsia="Calibri" w:cs="Calibri"/>
                <w:b/>
              </w:rPr>
            </w:pPr>
            <w:r w:rsidRPr="00A20BE7">
              <w:rPr>
                <w:rFonts w:eastAsia="Calibri" w:cs="Calibri"/>
                <w:b/>
              </w:rPr>
              <w:t>Onsdag</w:t>
            </w:r>
          </w:p>
        </w:tc>
        <w:tc>
          <w:tcPr>
            <w:tcW w:w="1850" w:type="dxa"/>
            <w:shd w:val="clear" w:color="auto" w:fill="C00000"/>
          </w:tcPr>
          <w:p w14:paraId="62F8A8C4" w14:textId="77777777" w:rsidR="00A20BE7" w:rsidRPr="00A20BE7" w:rsidRDefault="00A20BE7" w:rsidP="00450FF3">
            <w:pPr>
              <w:rPr>
                <w:rFonts w:eastAsia="Calibri" w:cs="Calibri"/>
                <w:b/>
              </w:rPr>
            </w:pPr>
            <w:r w:rsidRPr="00A20BE7">
              <w:rPr>
                <w:rFonts w:eastAsia="Calibri" w:cs="Calibri"/>
                <w:b/>
              </w:rPr>
              <w:t>Torsdag</w:t>
            </w:r>
          </w:p>
        </w:tc>
        <w:tc>
          <w:tcPr>
            <w:tcW w:w="1950" w:type="dxa"/>
            <w:shd w:val="clear" w:color="auto" w:fill="C00000"/>
          </w:tcPr>
          <w:p w14:paraId="786F4AEE" w14:textId="77777777" w:rsidR="00A20BE7" w:rsidRPr="00A20BE7" w:rsidRDefault="00A20BE7" w:rsidP="00450FF3">
            <w:pPr>
              <w:rPr>
                <w:rFonts w:eastAsia="Calibri" w:cs="Calibri"/>
                <w:b/>
              </w:rPr>
            </w:pPr>
            <w:r w:rsidRPr="00A20BE7">
              <w:rPr>
                <w:rFonts w:eastAsia="Calibri" w:cs="Calibri"/>
                <w:b/>
              </w:rPr>
              <w:t>Fredag</w:t>
            </w:r>
          </w:p>
        </w:tc>
        <w:tc>
          <w:tcPr>
            <w:tcW w:w="1694" w:type="dxa"/>
            <w:shd w:val="clear" w:color="auto" w:fill="C00000"/>
          </w:tcPr>
          <w:p w14:paraId="609A8398" w14:textId="77777777" w:rsidR="00A20BE7" w:rsidRPr="00A20BE7" w:rsidRDefault="00A20BE7" w:rsidP="00450FF3">
            <w:pPr>
              <w:rPr>
                <w:rFonts w:eastAsia="Calibri" w:cs="Calibri"/>
                <w:b/>
              </w:rPr>
            </w:pPr>
            <w:r w:rsidRPr="00A20BE7">
              <w:rPr>
                <w:rFonts w:eastAsia="Calibri" w:cs="Calibri"/>
                <w:b/>
              </w:rPr>
              <w:t>Lørdag</w:t>
            </w:r>
          </w:p>
        </w:tc>
        <w:tc>
          <w:tcPr>
            <w:tcW w:w="1763" w:type="dxa"/>
            <w:shd w:val="clear" w:color="auto" w:fill="C00000"/>
          </w:tcPr>
          <w:p w14:paraId="22B7573B" w14:textId="77777777" w:rsidR="00A20BE7" w:rsidRPr="00A20BE7" w:rsidRDefault="00A20BE7" w:rsidP="00450FF3">
            <w:pPr>
              <w:rPr>
                <w:rFonts w:eastAsia="Calibri" w:cs="Calibri"/>
                <w:b/>
              </w:rPr>
            </w:pPr>
            <w:r w:rsidRPr="00A20BE7">
              <w:rPr>
                <w:rFonts w:eastAsia="Calibri" w:cs="Calibri"/>
                <w:b/>
              </w:rPr>
              <w:t>Søndag</w:t>
            </w:r>
          </w:p>
        </w:tc>
      </w:tr>
      <w:tr w:rsidR="00A20BE7" w:rsidRPr="007039F8" w14:paraId="0467D579" w14:textId="77777777" w:rsidTr="008A0291">
        <w:trPr>
          <w:trHeight w:val="342"/>
        </w:trPr>
        <w:tc>
          <w:tcPr>
            <w:tcW w:w="1392" w:type="dxa"/>
          </w:tcPr>
          <w:p w14:paraId="2CAFB62B" w14:textId="77777777" w:rsidR="00A20BE7" w:rsidRPr="00A20BE7" w:rsidRDefault="00A20BE7" w:rsidP="00450FF3">
            <w:pPr>
              <w:rPr>
                <w:rFonts w:eastAsia="Calibri" w:cs="Calibri"/>
              </w:rPr>
            </w:pPr>
            <w:r w:rsidRPr="00A20BE7">
              <w:rPr>
                <w:rFonts w:eastAsia="Calibri" w:cs="Calibri"/>
              </w:rPr>
              <w:t>6.00</w:t>
            </w:r>
          </w:p>
        </w:tc>
        <w:tc>
          <w:tcPr>
            <w:tcW w:w="1858" w:type="dxa"/>
          </w:tcPr>
          <w:p w14:paraId="6BEC6051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32" w:type="dxa"/>
          </w:tcPr>
          <w:p w14:paraId="6637F551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40" w:type="dxa"/>
          </w:tcPr>
          <w:p w14:paraId="0BCB01DD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50" w:type="dxa"/>
          </w:tcPr>
          <w:p w14:paraId="0613422C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950" w:type="dxa"/>
          </w:tcPr>
          <w:p w14:paraId="2BDE3F05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694" w:type="dxa"/>
          </w:tcPr>
          <w:p w14:paraId="08245CAA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763" w:type="dxa"/>
          </w:tcPr>
          <w:p w14:paraId="7603A1EC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</w:tr>
      <w:tr w:rsidR="00A20BE7" w:rsidRPr="007039F8" w14:paraId="058148B4" w14:textId="77777777" w:rsidTr="008A0291">
        <w:trPr>
          <w:trHeight w:val="342"/>
        </w:trPr>
        <w:tc>
          <w:tcPr>
            <w:tcW w:w="1392" w:type="dxa"/>
          </w:tcPr>
          <w:p w14:paraId="1E752474" w14:textId="77777777" w:rsidR="00A20BE7" w:rsidRPr="00A20BE7" w:rsidRDefault="00A20BE7" w:rsidP="00450FF3">
            <w:pPr>
              <w:rPr>
                <w:rFonts w:eastAsia="Calibri" w:cs="Calibri"/>
              </w:rPr>
            </w:pPr>
            <w:r w:rsidRPr="00A20BE7">
              <w:rPr>
                <w:rFonts w:eastAsia="Calibri" w:cs="Calibri"/>
              </w:rPr>
              <w:t>7.00</w:t>
            </w:r>
          </w:p>
        </w:tc>
        <w:tc>
          <w:tcPr>
            <w:tcW w:w="1858" w:type="dxa"/>
          </w:tcPr>
          <w:p w14:paraId="0F04310A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32" w:type="dxa"/>
          </w:tcPr>
          <w:p w14:paraId="2ED9F745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40" w:type="dxa"/>
          </w:tcPr>
          <w:p w14:paraId="7AEFD31A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50" w:type="dxa"/>
          </w:tcPr>
          <w:p w14:paraId="5D827FC2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950" w:type="dxa"/>
          </w:tcPr>
          <w:p w14:paraId="726C244B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694" w:type="dxa"/>
          </w:tcPr>
          <w:p w14:paraId="39B943E3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763" w:type="dxa"/>
          </w:tcPr>
          <w:p w14:paraId="136E3203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</w:tr>
      <w:tr w:rsidR="00A20BE7" w:rsidRPr="007039F8" w14:paraId="1CECE5B6" w14:textId="77777777" w:rsidTr="008A0291">
        <w:trPr>
          <w:trHeight w:val="323"/>
        </w:trPr>
        <w:tc>
          <w:tcPr>
            <w:tcW w:w="1392" w:type="dxa"/>
          </w:tcPr>
          <w:p w14:paraId="4BCEC9ED" w14:textId="77777777" w:rsidR="00A20BE7" w:rsidRPr="00A20BE7" w:rsidRDefault="00A20BE7" w:rsidP="00450FF3">
            <w:pPr>
              <w:rPr>
                <w:rFonts w:eastAsia="Calibri" w:cs="Calibri"/>
              </w:rPr>
            </w:pPr>
            <w:r w:rsidRPr="00A20BE7">
              <w:rPr>
                <w:rFonts w:eastAsia="Calibri" w:cs="Calibri"/>
              </w:rPr>
              <w:t>8.00</w:t>
            </w:r>
          </w:p>
        </w:tc>
        <w:tc>
          <w:tcPr>
            <w:tcW w:w="1858" w:type="dxa"/>
          </w:tcPr>
          <w:p w14:paraId="57256D33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32" w:type="dxa"/>
          </w:tcPr>
          <w:p w14:paraId="51DB3124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40" w:type="dxa"/>
          </w:tcPr>
          <w:p w14:paraId="60F91655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50" w:type="dxa"/>
          </w:tcPr>
          <w:p w14:paraId="4EDA9611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950" w:type="dxa"/>
          </w:tcPr>
          <w:p w14:paraId="32BBE630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694" w:type="dxa"/>
          </w:tcPr>
          <w:p w14:paraId="6D7A9B5F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763" w:type="dxa"/>
          </w:tcPr>
          <w:p w14:paraId="13A786D9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</w:tr>
      <w:tr w:rsidR="00A20BE7" w:rsidRPr="007039F8" w14:paraId="7D96B755" w14:textId="77777777" w:rsidTr="008A0291">
        <w:trPr>
          <w:trHeight w:val="342"/>
        </w:trPr>
        <w:tc>
          <w:tcPr>
            <w:tcW w:w="1392" w:type="dxa"/>
          </w:tcPr>
          <w:p w14:paraId="47353768" w14:textId="77777777" w:rsidR="00A20BE7" w:rsidRPr="00A20BE7" w:rsidRDefault="00A20BE7" w:rsidP="00450FF3">
            <w:pPr>
              <w:rPr>
                <w:rFonts w:eastAsia="Calibri" w:cs="Calibri"/>
              </w:rPr>
            </w:pPr>
            <w:r w:rsidRPr="00A20BE7">
              <w:rPr>
                <w:rFonts w:eastAsia="Calibri" w:cs="Calibri"/>
              </w:rPr>
              <w:t>9.00</w:t>
            </w:r>
          </w:p>
        </w:tc>
        <w:tc>
          <w:tcPr>
            <w:tcW w:w="1858" w:type="dxa"/>
          </w:tcPr>
          <w:p w14:paraId="5F9B64C6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32" w:type="dxa"/>
          </w:tcPr>
          <w:p w14:paraId="6775F185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40" w:type="dxa"/>
          </w:tcPr>
          <w:p w14:paraId="32BF633E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50" w:type="dxa"/>
          </w:tcPr>
          <w:p w14:paraId="734F18E3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950" w:type="dxa"/>
          </w:tcPr>
          <w:p w14:paraId="3C7AB4BA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694" w:type="dxa"/>
          </w:tcPr>
          <w:p w14:paraId="4A740B93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763" w:type="dxa"/>
          </w:tcPr>
          <w:p w14:paraId="60ECF598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</w:tr>
      <w:tr w:rsidR="00A20BE7" w:rsidRPr="007039F8" w14:paraId="27BF8EDD" w14:textId="77777777" w:rsidTr="008A0291">
        <w:trPr>
          <w:trHeight w:val="323"/>
        </w:trPr>
        <w:tc>
          <w:tcPr>
            <w:tcW w:w="1392" w:type="dxa"/>
          </w:tcPr>
          <w:p w14:paraId="1A044665" w14:textId="77777777" w:rsidR="00A20BE7" w:rsidRPr="00A20BE7" w:rsidRDefault="00A20BE7" w:rsidP="00450FF3">
            <w:pPr>
              <w:rPr>
                <w:rFonts w:eastAsia="Calibri" w:cs="Calibri"/>
              </w:rPr>
            </w:pPr>
            <w:r w:rsidRPr="00A20BE7">
              <w:rPr>
                <w:rFonts w:eastAsia="Calibri" w:cs="Calibri"/>
              </w:rPr>
              <w:t>10.00</w:t>
            </w:r>
          </w:p>
        </w:tc>
        <w:tc>
          <w:tcPr>
            <w:tcW w:w="1858" w:type="dxa"/>
          </w:tcPr>
          <w:p w14:paraId="310D56C0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32" w:type="dxa"/>
          </w:tcPr>
          <w:p w14:paraId="67C5D738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40" w:type="dxa"/>
          </w:tcPr>
          <w:p w14:paraId="2BDE6686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50" w:type="dxa"/>
          </w:tcPr>
          <w:p w14:paraId="0E0FDABB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950" w:type="dxa"/>
          </w:tcPr>
          <w:p w14:paraId="1146E651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694" w:type="dxa"/>
          </w:tcPr>
          <w:p w14:paraId="67FE759C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763" w:type="dxa"/>
          </w:tcPr>
          <w:p w14:paraId="27F2C6C0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</w:tr>
      <w:tr w:rsidR="00A20BE7" w:rsidRPr="007039F8" w14:paraId="103733CD" w14:textId="77777777" w:rsidTr="008A0291">
        <w:trPr>
          <w:trHeight w:val="342"/>
        </w:trPr>
        <w:tc>
          <w:tcPr>
            <w:tcW w:w="1392" w:type="dxa"/>
          </w:tcPr>
          <w:p w14:paraId="7AD88953" w14:textId="77777777" w:rsidR="00A20BE7" w:rsidRPr="00A20BE7" w:rsidRDefault="00A20BE7" w:rsidP="00450FF3">
            <w:pPr>
              <w:rPr>
                <w:rFonts w:eastAsia="Calibri" w:cs="Calibri"/>
              </w:rPr>
            </w:pPr>
            <w:r w:rsidRPr="00A20BE7">
              <w:rPr>
                <w:rFonts w:eastAsia="Calibri" w:cs="Calibri"/>
              </w:rPr>
              <w:t>11.00</w:t>
            </w:r>
          </w:p>
        </w:tc>
        <w:tc>
          <w:tcPr>
            <w:tcW w:w="1858" w:type="dxa"/>
          </w:tcPr>
          <w:p w14:paraId="60193B92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32" w:type="dxa"/>
          </w:tcPr>
          <w:p w14:paraId="430F4B25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40" w:type="dxa"/>
          </w:tcPr>
          <w:p w14:paraId="3CC2B4FD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50" w:type="dxa"/>
          </w:tcPr>
          <w:p w14:paraId="14A632FE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950" w:type="dxa"/>
          </w:tcPr>
          <w:p w14:paraId="46FEEF06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694" w:type="dxa"/>
          </w:tcPr>
          <w:p w14:paraId="3D248E39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763" w:type="dxa"/>
          </w:tcPr>
          <w:p w14:paraId="3E7100C4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</w:tr>
      <w:tr w:rsidR="00A20BE7" w:rsidRPr="007039F8" w14:paraId="5E4C7B3A" w14:textId="77777777" w:rsidTr="008A0291">
        <w:trPr>
          <w:trHeight w:val="323"/>
        </w:trPr>
        <w:tc>
          <w:tcPr>
            <w:tcW w:w="1392" w:type="dxa"/>
          </w:tcPr>
          <w:p w14:paraId="30CAF5B9" w14:textId="77777777" w:rsidR="00A20BE7" w:rsidRPr="00A20BE7" w:rsidRDefault="00A20BE7" w:rsidP="00450FF3">
            <w:pPr>
              <w:rPr>
                <w:rFonts w:eastAsia="Calibri" w:cs="Calibri"/>
              </w:rPr>
            </w:pPr>
            <w:r w:rsidRPr="00A20BE7">
              <w:rPr>
                <w:rFonts w:eastAsia="Calibri" w:cs="Calibri"/>
              </w:rPr>
              <w:t>12.00</w:t>
            </w:r>
          </w:p>
        </w:tc>
        <w:tc>
          <w:tcPr>
            <w:tcW w:w="1858" w:type="dxa"/>
          </w:tcPr>
          <w:p w14:paraId="75418129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32" w:type="dxa"/>
          </w:tcPr>
          <w:p w14:paraId="6D05029E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40" w:type="dxa"/>
          </w:tcPr>
          <w:p w14:paraId="744269FF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50" w:type="dxa"/>
          </w:tcPr>
          <w:p w14:paraId="32E94C8E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950" w:type="dxa"/>
          </w:tcPr>
          <w:p w14:paraId="3B2AB33C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694" w:type="dxa"/>
          </w:tcPr>
          <w:p w14:paraId="702AE1DB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763" w:type="dxa"/>
          </w:tcPr>
          <w:p w14:paraId="38277F54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</w:tr>
      <w:tr w:rsidR="00A20BE7" w:rsidRPr="007039F8" w14:paraId="437EA4D7" w14:textId="77777777" w:rsidTr="008A0291">
        <w:trPr>
          <w:trHeight w:val="342"/>
        </w:trPr>
        <w:tc>
          <w:tcPr>
            <w:tcW w:w="1392" w:type="dxa"/>
          </w:tcPr>
          <w:p w14:paraId="37204560" w14:textId="77777777" w:rsidR="00A20BE7" w:rsidRPr="00A20BE7" w:rsidRDefault="00A20BE7" w:rsidP="00450FF3">
            <w:pPr>
              <w:rPr>
                <w:rFonts w:eastAsia="Calibri" w:cs="Calibri"/>
              </w:rPr>
            </w:pPr>
            <w:r w:rsidRPr="00A20BE7">
              <w:rPr>
                <w:rFonts w:eastAsia="Calibri" w:cs="Calibri"/>
              </w:rPr>
              <w:t>13.00</w:t>
            </w:r>
          </w:p>
        </w:tc>
        <w:tc>
          <w:tcPr>
            <w:tcW w:w="1858" w:type="dxa"/>
          </w:tcPr>
          <w:p w14:paraId="6C123D87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32" w:type="dxa"/>
          </w:tcPr>
          <w:p w14:paraId="12CF5317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40" w:type="dxa"/>
          </w:tcPr>
          <w:p w14:paraId="36B35453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50" w:type="dxa"/>
          </w:tcPr>
          <w:p w14:paraId="18B6CC1F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950" w:type="dxa"/>
          </w:tcPr>
          <w:p w14:paraId="37C17E2E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694" w:type="dxa"/>
          </w:tcPr>
          <w:p w14:paraId="1512780A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763" w:type="dxa"/>
          </w:tcPr>
          <w:p w14:paraId="0093DC7F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</w:tr>
      <w:tr w:rsidR="00A20BE7" w:rsidRPr="007039F8" w14:paraId="5DA8F022" w14:textId="77777777" w:rsidTr="008A0291">
        <w:trPr>
          <w:trHeight w:val="342"/>
        </w:trPr>
        <w:tc>
          <w:tcPr>
            <w:tcW w:w="1392" w:type="dxa"/>
          </w:tcPr>
          <w:p w14:paraId="6C86A87E" w14:textId="77777777" w:rsidR="00A20BE7" w:rsidRPr="00A20BE7" w:rsidRDefault="00A20BE7" w:rsidP="00450FF3">
            <w:pPr>
              <w:rPr>
                <w:rFonts w:eastAsia="Calibri" w:cs="Calibri"/>
              </w:rPr>
            </w:pPr>
            <w:r w:rsidRPr="00A20BE7">
              <w:rPr>
                <w:rFonts w:eastAsia="Calibri" w:cs="Calibri"/>
              </w:rPr>
              <w:t>14.00</w:t>
            </w:r>
          </w:p>
        </w:tc>
        <w:tc>
          <w:tcPr>
            <w:tcW w:w="1858" w:type="dxa"/>
          </w:tcPr>
          <w:p w14:paraId="04FACDA8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32" w:type="dxa"/>
          </w:tcPr>
          <w:p w14:paraId="24B05E74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40" w:type="dxa"/>
          </w:tcPr>
          <w:p w14:paraId="1D24595E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50" w:type="dxa"/>
          </w:tcPr>
          <w:p w14:paraId="16851ABB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950" w:type="dxa"/>
          </w:tcPr>
          <w:p w14:paraId="0B5F3886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694" w:type="dxa"/>
          </w:tcPr>
          <w:p w14:paraId="5F08362F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763" w:type="dxa"/>
          </w:tcPr>
          <w:p w14:paraId="59138A2E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</w:tr>
      <w:tr w:rsidR="00A20BE7" w:rsidRPr="007039F8" w14:paraId="5039FC0E" w14:textId="77777777" w:rsidTr="008A0291">
        <w:trPr>
          <w:trHeight w:val="323"/>
        </w:trPr>
        <w:tc>
          <w:tcPr>
            <w:tcW w:w="1392" w:type="dxa"/>
          </w:tcPr>
          <w:p w14:paraId="351137FF" w14:textId="77777777" w:rsidR="00A20BE7" w:rsidRPr="00A20BE7" w:rsidRDefault="00A20BE7" w:rsidP="00450FF3">
            <w:pPr>
              <w:rPr>
                <w:rFonts w:eastAsia="Calibri" w:cs="Calibri"/>
              </w:rPr>
            </w:pPr>
            <w:r w:rsidRPr="00A20BE7">
              <w:rPr>
                <w:rFonts w:eastAsia="Calibri" w:cs="Calibri"/>
              </w:rPr>
              <w:t>15.00</w:t>
            </w:r>
          </w:p>
        </w:tc>
        <w:tc>
          <w:tcPr>
            <w:tcW w:w="1858" w:type="dxa"/>
          </w:tcPr>
          <w:p w14:paraId="709DFDD6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32" w:type="dxa"/>
          </w:tcPr>
          <w:p w14:paraId="781FF087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40" w:type="dxa"/>
          </w:tcPr>
          <w:p w14:paraId="7C5B598F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50" w:type="dxa"/>
          </w:tcPr>
          <w:p w14:paraId="5787C027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950" w:type="dxa"/>
          </w:tcPr>
          <w:p w14:paraId="0DE38617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694" w:type="dxa"/>
          </w:tcPr>
          <w:p w14:paraId="6C9BE5BD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763" w:type="dxa"/>
          </w:tcPr>
          <w:p w14:paraId="33C96525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</w:tr>
      <w:tr w:rsidR="00A20BE7" w:rsidRPr="007039F8" w14:paraId="1518ED54" w14:textId="77777777" w:rsidTr="008A0291">
        <w:trPr>
          <w:trHeight w:val="342"/>
        </w:trPr>
        <w:tc>
          <w:tcPr>
            <w:tcW w:w="1392" w:type="dxa"/>
          </w:tcPr>
          <w:p w14:paraId="5B878717" w14:textId="77777777" w:rsidR="00A20BE7" w:rsidRPr="00A20BE7" w:rsidRDefault="00A20BE7" w:rsidP="00450FF3">
            <w:pPr>
              <w:rPr>
                <w:rFonts w:eastAsia="Calibri" w:cs="Calibri"/>
              </w:rPr>
            </w:pPr>
            <w:r w:rsidRPr="00A20BE7">
              <w:rPr>
                <w:rFonts w:eastAsia="Calibri" w:cs="Calibri"/>
              </w:rPr>
              <w:t>16.00</w:t>
            </w:r>
          </w:p>
        </w:tc>
        <w:tc>
          <w:tcPr>
            <w:tcW w:w="1858" w:type="dxa"/>
          </w:tcPr>
          <w:p w14:paraId="79566DAB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32" w:type="dxa"/>
          </w:tcPr>
          <w:p w14:paraId="03BA440B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40" w:type="dxa"/>
          </w:tcPr>
          <w:p w14:paraId="1BD1047C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50" w:type="dxa"/>
          </w:tcPr>
          <w:p w14:paraId="3CA5BC26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950" w:type="dxa"/>
          </w:tcPr>
          <w:p w14:paraId="3D2FD300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694" w:type="dxa"/>
          </w:tcPr>
          <w:p w14:paraId="6EBE6EA1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763" w:type="dxa"/>
          </w:tcPr>
          <w:p w14:paraId="1AA70935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</w:tr>
      <w:tr w:rsidR="00A20BE7" w:rsidRPr="007039F8" w14:paraId="6785DA50" w14:textId="77777777" w:rsidTr="008A0291">
        <w:trPr>
          <w:trHeight w:val="323"/>
        </w:trPr>
        <w:tc>
          <w:tcPr>
            <w:tcW w:w="1392" w:type="dxa"/>
          </w:tcPr>
          <w:p w14:paraId="78557665" w14:textId="77777777" w:rsidR="00A20BE7" w:rsidRPr="00A20BE7" w:rsidRDefault="00A20BE7" w:rsidP="00450FF3">
            <w:pPr>
              <w:rPr>
                <w:rFonts w:eastAsia="Calibri" w:cs="Calibri"/>
              </w:rPr>
            </w:pPr>
            <w:r w:rsidRPr="00A20BE7">
              <w:rPr>
                <w:rFonts w:eastAsia="Calibri" w:cs="Calibri"/>
              </w:rPr>
              <w:t>17.00</w:t>
            </w:r>
          </w:p>
        </w:tc>
        <w:tc>
          <w:tcPr>
            <w:tcW w:w="1858" w:type="dxa"/>
          </w:tcPr>
          <w:p w14:paraId="01ABFA74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32" w:type="dxa"/>
          </w:tcPr>
          <w:p w14:paraId="3DB3EE10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40" w:type="dxa"/>
          </w:tcPr>
          <w:p w14:paraId="3AC09EF4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50" w:type="dxa"/>
          </w:tcPr>
          <w:p w14:paraId="0A9EB788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950" w:type="dxa"/>
          </w:tcPr>
          <w:p w14:paraId="05F39B6D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694" w:type="dxa"/>
          </w:tcPr>
          <w:p w14:paraId="6D9E4EDB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763" w:type="dxa"/>
          </w:tcPr>
          <w:p w14:paraId="6D44127B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</w:tr>
      <w:tr w:rsidR="00A20BE7" w:rsidRPr="007039F8" w14:paraId="1F628738" w14:textId="77777777" w:rsidTr="008A0291">
        <w:trPr>
          <w:trHeight w:val="342"/>
        </w:trPr>
        <w:tc>
          <w:tcPr>
            <w:tcW w:w="1392" w:type="dxa"/>
          </w:tcPr>
          <w:p w14:paraId="151522FB" w14:textId="77777777" w:rsidR="00A20BE7" w:rsidRPr="00A20BE7" w:rsidRDefault="00A20BE7" w:rsidP="00450FF3">
            <w:pPr>
              <w:rPr>
                <w:rFonts w:eastAsia="Calibri" w:cs="Calibri"/>
              </w:rPr>
            </w:pPr>
            <w:r w:rsidRPr="00A20BE7">
              <w:rPr>
                <w:rFonts w:eastAsia="Calibri" w:cs="Calibri"/>
              </w:rPr>
              <w:t>18.00</w:t>
            </w:r>
          </w:p>
        </w:tc>
        <w:tc>
          <w:tcPr>
            <w:tcW w:w="1858" w:type="dxa"/>
          </w:tcPr>
          <w:p w14:paraId="66EBAA95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32" w:type="dxa"/>
          </w:tcPr>
          <w:p w14:paraId="79FC0731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40" w:type="dxa"/>
          </w:tcPr>
          <w:p w14:paraId="54ACE6AC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50" w:type="dxa"/>
          </w:tcPr>
          <w:p w14:paraId="081A48B4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950" w:type="dxa"/>
          </w:tcPr>
          <w:p w14:paraId="7363CA4C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694" w:type="dxa"/>
          </w:tcPr>
          <w:p w14:paraId="5654CC8E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763" w:type="dxa"/>
          </w:tcPr>
          <w:p w14:paraId="0E3842AC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</w:tr>
      <w:tr w:rsidR="00A20BE7" w:rsidRPr="007039F8" w14:paraId="2FC549FA" w14:textId="77777777" w:rsidTr="008A0291">
        <w:trPr>
          <w:trHeight w:val="323"/>
        </w:trPr>
        <w:tc>
          <w:tcPr>
            <w:tcW w:w="1392" w:type="dxa"/>
          </w:tcPr>
          <w:p w14:paraId="21EA34CE" w14:textId="77777777" w:rsidR="00A20BE7" w:rsidRPr="00A20BE7" w:rsidRDefault="00A20BE7" w:rsidP="00450FF3">
            <w:pPr>
              <w:rPr>
                <w:rFonts w:eastAsia="Calibri" w:cs="Calibri"/>
              </w:rPr>
            </w:pPr>
            <w:r w:rsidRPr="00A20BE7">
              <w:rPr>
                <w:rFonts w:eastAsia="Calibri" w:cs="Calibri"/>
              </w:rPr>
              <w:t>19.00</w:t>
            </w:r>
          </w:p>
        </w:tc>
        <w:tc>
          <w:tcPr>
            <w:tcW w:w="1858" w:type="dxa"/>
          </w:tcPr>
          <w:p w14:paraId="30F884ED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32" w:type="dxa"/>
          </w:tcPr>
          <w:p w14:paraId="49103384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40" w:type="dxa"/>
          </w:tcPr>
          <w:p w14:paraId="0D952A5E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50" w:type="dxa"/>
          </w:tcPr>
          <w:p w14:paraId="2E8722B4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950" w:type="dxa"/>
          </w:tcPr>
          <w:p w14:paraId="114B22F8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694" w:type="dxa"/>
          </w:tcPr>
          <w:p w14:paraId="0A8933D4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763" w:type="dxa"/>
          </w:tcPr>
          <w:p w14:paraId="4C95F42D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</w:tr>
      <w:tr w:rsidR="00A20BE7" w:rsidRPr="007039F8" w14:paraId="4D342F97" w14:textId="77777777" w:rsidTr="008A0291">
        <w:trPr>
          <w:trHeight w:val="342"/>
        </w:trPr>
        <w:tc>
          <w:tcPr>
            <w:tcW w:w="1392" w:type="dxa"/>
          </w:tcPr>
          <w:p w14:paraId="3EB3B750" w14:textId="77777777" w:rsidR="00A20BE7" w:rsidRPr="00A20BE7" w:rsidRDefault="00A20BE7" w:rsidP="00450FF3">
            <w:pPr>
              <w:rPr>
                <w:rFonts w:eastAsia="Calibri" w:cs="Calibri"/>
              </w:rPr>
            </w:pPr>
            <w:r w:rsidRPr="00A20BE7">
              <w:rPr>
                <w:rFonts w:eastAsia="Calibri" w:cs="Calibri"/>
              </w:rPr>
              <w:t>20.00</w:t>
            </w:r>
          </w:p>
        </w:tc>
        <w:tc>
          <w:tcPr>
            <w:tcW w:w="1858" w:type="dxa"/>
          </w:tcPr>
          <w:p w14:paraId="0F8C5A72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32" w:type="dxa"/>
          </w:tcPr>
          <w:p w14:paraId="16768DD9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40" w:type="dxa"/>
          </w:tcPr>
          <w:p w14:paraId="5D2C8DC7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50" w:type="dxa"/>
          </w:tcPr>
          <w:p w14:paraId="1148043B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950" w:type="dxa"/>
          </w:tcPr>
          <w:p w14:paraId="12D7055B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694" w:type="dxa"/>
          </w:tcPr>
          <w:p w14:paraId="5DF53731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763" w:type="dxa"/>
          </w:tcPr>
          <w:p w14:paraId="2353496A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</w:tr>
      <w:tr w:rsidR="00A20BE7" w:rsidRPr="007039F8" w14:paraId="1FEC0B5F" w14:textId="77777777" w:rsidTr="008A0291">
        <w:trPr>
          <w:trHeight w:val="342"/>
        </w:trPr>
        <w:tc>
          <w:tcPr>
            <w:tcW w:w="1392" w:type="dxa"/>
          </w:tcPr>
          <w:p w14:paraId="661283A7" w14:textId="77777777" w:rsidR="00A20BE7" w:rsidRPr="00A20BE7" w:rsidRDefault="00A20BE7" w:rsidP="00450FF3">
            <w:pPr>
              <w:rPr>
                <w:rFonts w:eastAsia="Calibri" w:cs="Calibri"/>
              </w:rPr>
            </w:pPr>
            <w:r w:rsidRPr="00A20BE7">
              <w:rPr>
                <w:rFonts w:eastAsia="Calibri" w:cs="Calibri"/>
              </w:rPr>
              <w:t>21.00</w:t>
            </w:r>
          </w:p>
        </w:tc>
        <w:tc>
          <w:tcPr>
            <w:tcW w:w="1858" w:type="dxa"/>
          </w:tcPr>
          <w:p w14:paraId="6F5188AA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32" w:type="dxa"/>
          </w:tcPr>
          <w:p w14:paraId="25F4CA49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40" w:type="dxa"/>
          </w:tcPr>
          <w:p w14:paraId="3B0114FB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50" w:type="dxa"/>
          </w:tcPr>
          <w:p w14:paraId="338EBF72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950" w:type="dxa"/>
          </w:tcPr>
          <w:p w14:paraId="06533F3A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694" w:type="dxa"/>
          </w:tcPr>
          <w:p w14:paraId="42AD3A22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763" w:type="dxa"/>
          </w:tcPr>
          <w:p w14:paraId="0A9C0EAF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</w:tr>
      <w:tr w:rsidR="007039F8" w:rsidRPr="007039F8" w14:paraId="0CE641EB" w14:textId="77777777" w:rsidTr="008A0291">
        <w:trPr>
          <w:trHeight w:val="323"/>
        </w:trPr>
        <w:tc>
          <w:tcPr>
            <w:tcW w:w="1392" w:type="dxa"/>
          </w:tcPr>
          <w:p w14:paraId="3D7CED0A" w14:textId="77777777" w:rsidR="00A20BE7" w:rsidRPr="00A20BE7" w:rsidRDefault="00A20BE7" w:rsidP="00450FF3">
            <w:pPr>
              <w:rPr>
                <w:rFonts w:eastAsia="Calibri" w:cs="Calibri"/>
              </w:rPr>
            </w:pPr>
            <w:r w:rsidRPr="00A20BE7">
              <w:rPr>
                <w:rFonts w:eastAsia="Calibri" w:cs="Calibri"/>
              </w:rPr>
              <w:t>22.00</w:t>
            </w:r>
          </w:p>
        </w:tc>
        <w:tc>
          <w:tcPr>
            <w:tcW w:w="1858" w:type="dxa"/>
          </w:tcPr>
          <w:p w14:paraId="7C9E74F1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32" w:type="dxa"/>
          </w:tcPr>
          <w:p w14:paraId="65F9395C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40" w:type="dxa"/>
          </w:tcPr>
          <w:p w14:paraId="251A6959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50" w:type="dxa"/>
          </w:tcPr>
          <w:p w14:paraId="01483688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950" w:type="dxa"/>
          </w:tcPr>
          <w:p w14:paraId="4A609F8D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694" w:type="dxa"/>
          </w:tcPr>
          <w:p w14:paraId="77D5BB23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763" w:type="dxa"/>
          </w:tcPr>
          <w:p w14:paraId="5D792DFE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</w:tr>
      <w:tr w:rsidR="007039F8" w:rsidRPr="007039F8" w14:paraId="1CBD4A63" w14:textId="77777777" w:rsidTr="008A0291">
        <w:trPr>
          <w:trHeight w:val="323"/>
        </w:trPr>
        <w:tc>
          <w:tcPr>
            <w:tcW w:w="1392" w:type="dxa"/>
          </w:tcPr>
          <w:p w14:paraId="787B8346" w14:textId="77777777" w:rsidR="00A20BE7" w:rsidRPr="00A20BE7" w:rsidRDefault="00A20BE7" w:rsidP="00450FF3">
            <w:pPr>
              <w:rPr>
                <w:rFonts w:eastAsia="Calibri" w:cs="Calibri"/>
              </w:rPr>
            </w:pPr>
            <w:r w:rsidRPr="00A20BE7">
              <w:rPr>
                <w:rFonts w:eastAsia="Calibri" w:cs="Calibri"/>
              </w:rPr>
              <w:t>23.00</w:t>
            </w:r>
          </w:p>
        </w:tc>
        <w:tc>
          <w:tcPr>
            <w:tcW w:w="1858" w:type="dxa"/>
          </w:tcPr>
          <w:p w14:paraId="35680965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32" w:type="dxa"/>
          </w:tcPr>
          <w:p w14:paraId="733D2FFF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40" w:type="dxa"/>
          </w:tcPr>
          <w:p w14:paraId="0D672E58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850" w:type="dxa"/>
          </w:tcPr>
          <w:p w14:paraId="4A699E3D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950" w:type="dxa"/>
          </w:tcPr>
          <w:p w14:paraId="50E873CF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694" w:type="dxa"/>
          </w:tcPr>
          <w:p w14:paraId="00AFAA63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  <w:tc>
          <w:tcPr>
            <w:tcW w:w="1763" w:type="dxa"/>
          </w:tcPr>
          <w:p w14:paraId="6E2857CD" w14:textId="77777777" w:rsidR="00A20BE7" w:rsidRPr="00A20BE7" w:rsidRDefault="00A20BE7" w:rsidP="00450FF3">
            <w:pPr>
              <w:rPr>
                <w:rFonts w:eastAsia="Calibri" w:cs="Calibri"/>
              </w:rPr>
            </w:pPr>
          </w:p>
        </w:tc>
      </w:tr>
    </w:tbl>
    <w:p w14:paraId="24DB812C" w14:textId="77777777" w:rsidR="00A20BE7" w:rsidRPr="007039F8" w:rsidRDefault="00450FF3" w:rsidP="006436E9">
      <w:pPr>
        <w:rPr>
          <w:rFonts w:ascii="Calibri" w:hAnsi="Calibri" w:cs="Calibri"/>
        </w:rPr>
      </w:pP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="006436E9">
        <w:rPr>
          <w:rFonts w:ascii="Calibri" w:hAnsi="Calibri" w:cs="Calibri"/>
        </w:rPr>
        <w:tab/>
      </w:r>
      <w:r w:rsidR="006436E9">
        <w:rPr>
          <w:rFonts w:ascii="Calibri" w:hAnsi="Calibri" w:cs="Calibri"/>
        </w:rPr>
        <w:tab/>
      </w:r>
      <w:r w:rsidR="006436E9">
        <w:rPr>
          <w:rFonts w:ascii="Calibri" w:hAnsi="Calibri" w:cs="Calibri"/>
        </w:rPr>
        <w:tab/>
      </w:r>
      <w:r w:rsidR="006436E9">
        <w:rPr>
          <w:rFonts w:ascii="Calibri" w:hAnsi="Calibri" w:cs="Calibri"/>
        </w:rPr>
        <w:tab/>
      </w:r>
      <w:bookmarkStart w:id="0" w:name="_GoBack"/>
      <w:bookmarkEnd w:id="0"/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  <w:r w:rsidRPr="007039F8">
        <w:rPr>
          <w:rFonts w:ascii="Calibri" w:hAnsi="Calibri" w:cs="Calibri"/>
        </w:rPr>
        <w:tab/>
      </w:r>
    </w:p>
    <w:sectPr w:rsidR="00A20BE7" w:rsidRPr="007039F8" w:rsidSect="00A20BE7">
      <w:headerReference w:type="default" r:id="rId12"/>
      <w:footerReference w:type="default" r:id="rId13"/>
      <w:headerReference w:type="first" r:id="rId14"/>
      <w:footerReference w:type="first" r:id="rId15"/>
      <w:pgSz w:w="16838" w:h="11906" w:orient="landscape" w:code="9"/>
      <w:pgMar w:top="720" w:right="720" w:bottom="720" w:left="720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24B71FDD" w14:textId="77777777" w:rsidR="00A20BE7" w:rsidRDefault="00A20BE7" w:rsidP="009E4B94">
      <w:pPr>
        <w:spacing w:line="240" w:lineRule="auto"/>
      </w:pPr>
      <w:r>
        <w:separator/>
      </w:r>
    </w:p>
  </w:endnote>
  <w:endnote w:type="continuationSeparator" w:id="0">
    <w:p w14:paraId="72818057" w14:textId="77777777" w:rsidR="00A20BE7" w:rsidRDefault="00A20BE7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0A6F80BB" w14:textId="77777777" w:rsidR="00E35FEC" w:rsidRPr="00B27B05" w:rsidRDefault="006436E9" w:rsidP="00E35FEC">
    <w:pPr>
      <w:pStyle w:val="FooterRight"/>
    </w:pPr>
    <w:sdt>
      <w:sdtPr>
        <w:alias w:val="Side"/>
        <w:tag w:val="{&quot;templafy&quot;:{&quot;id&quot;:&quot;a6efd53f-3f8b-4800-9902-1440a8a0f0e9&quot;}}"/>
        <w:id w:val="-332612476"/>
      </w:sdtPr>
      <w:sdtEndPr/>
      <w:sdtContent>
        <w:r w:rsidR="00E35FEC">
          <w:t>Sid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>
      <w:rPr>
        <w:noProof/>
      </w:rPr>
      <w:t>2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14fc009c-9ec4-468a-a229-2cdc7f2b8eca&quot;}}"/>
        <w:id w:val="2121178925"/>
      </w:sdtPr>
      <w:sdtEndPr/>
      <w:sdtContent>
        <w:r w:rsidR="00E35FEC">
          <w:t>af</w:t>
        </w:r>
      </w:sdtContent>
    </w:sdt>
    <w:r w:rsidR="00E35FEC" w:rsidRPr="00B27B05">
      <w:t xml:space="preserve"> </w:t>
    </w:r>
    <w:r>
      <w:fldChar w:fldCharType="begin"/>
    </w:r>
    <w:r>
      <w:instrText xml:space="preserve"> NUMPAGES </w:instrText>
    </w:r>
    <w:r>
      <w:fldChar w:fldCharType="separate"/>
    </w:r>
    <w:r>
      <w:rPr>
        <w:noProof/>
      </w:rPr>
      <w:t>2</w:t>
    </w:r>
    <w:r>
      <w:rPr>
        <w:noProof/>
      </w:rPr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Blank"/>
      <w:tblW w:w="9923" w:type="dxa"/>
      <w:tblLayout w:type="fixed"/>
      <w:tblLook w:val="01E0" w:firstRow="1" w:lastRow="1" w:firstColumn="1" w:lastColumn="1" w:noHBand="0" w:noVBand="0"/>
    </w:tblPr>
    <w:tblGrid>
      <w:gridCol w:w="2552"/>
      <w:gridCol w:w="2268"/>
      <w:gridCol w:w="1814"/>
      <w:gridCol w:w="3289"/>
    </w:tblGrid>
    <w:tr w:rsidR="0026019D" w14:paraId="18732787" w14:textId="77777777" w:rsidTr="00191702">
      <w:trPr>
        <w:trHeight w:val="981"/>
      </w:trPr>
      <w:tc>
        <w:tcPr>
          <w:tcW w:w="2552" w:type="dxa"/>
        </w:tcPr>
        <w:sdt>
          <w:sdtPr>
            <w:alias w:val="Workarea"/>
            <w:tag w:val="{&quot;templafy&quot;:{&quot;id&quot;:&quot;15aa71a8-8a11-4a29-b660-d3f483c09772&quot;}}"/>
            <w:id w:val="-28101803"/>
            <w:placeholder>
              <w:docPart w:val="DefaultPlaceholder_-1854013440"/>
            </w:placeholder>
          </w:sdtPr>
          <w:sdtEndPr/>
          <w:sdtContent>
            <w:p w14:paraId="21A3A55C" w14:textId="77777777" w:rsidR="008859CF" w:rsidRDefault="007039F8">
              <w:pPr>
                <w:pStyle w:val="Template-Afdeling"/>
              </w:pPr>
              <w:r>
                <w:t>Danmarks Tekniske Universitet</w:t>
              </w:r>
            </w:p>
          </w:sdtContent>
        </w:sdt>
        <w:sdt>
          <w:sdtPr>
            <w:alias w:val="Name"/>
            <w:tag w:val="{&quot;templafy&quot;:{&quot;id&quot;:&quot;2b90d9b2-9bcb-48d8-a4f2-502afffa48a7&quot;}}"/>
            <w:id w:val="1414667987"/>
            <w:placeholder>
              <w:docPart w:val="DefaultPlaceholder_-1854013440"/>
            </w:placeholder>
          </w:sdtPr>
          <w:sdtEndPr/>
          <w:sdtContent>
            <w:p w14:paraId="1E0B8A4C" w14:textId="77777777" w:rsidR="008859CF" w:rsidRDefault="007039F8">
              <w:pPr>
                <w:pStyle w:val="Template-AdresseVenstrestillet"/>
              </w:pPr>
              <w:r>
                <w:t>Ledelse og Administration</w:t>
              </w:r>
            </w:p>
          </w:sdtContent>
        </w:sdt>
      </w:tc>
      <w:tc>
        <w:tcPr>
          <w:tcW w:w="2268" w:type="dxa"/>
        </w:tcPr>
        <w:sdt>
          <w:sdtPr>
            <w:alias w:val="Address"/>
            <w:tag w:val="{&quot;templafy&quot;:{&quot;id&quot;:&quot;0253c736-661a-4f84-ab83-cce1e8766dd1&quot;}}"/>
            <w:id w:val="788702507"/>
            <w:placeholder>
              <w:docPart w:val="DefaultPlaceholder_-1854013440"/>
            </w:placeholder>
          </w:sdtPr>
          <w:sdtEndPr/>
          <w:sdtContent>
            <w:p w14:paraId="3BC55136" w14:textId="77777777" w:rsidR="008859CF" w:rsidRDefault="007039F8">
              <w:pPr>
                <w:pStyle w:val="Template-AdresseVenstrestillet"/>
              </w:pPr>
              <w:r>
                <w:t>Anker Engelunds Vej 1</w:t>
              </w:r>
            </w:p>
          </w:sdtContent>
        </w:sdt>
        <w:sdt>
          <w:sdtPr>
            <w:alias w:val="Department"/>
            <w:tag w:val="{&quot;templafy&quot;:{&quot;id&quot;:&quot;001eed0f-25af-4507-b8bc-00fff55068b7&quot;}}"/>
            <w:id w:val="-738404263"/>
            <w:placeholder>
              <w:docPart w:val="DefaultPlaceholder_-1854013440"/>
            </w:placeholder>
          </w:sdtPr>
          <w:sdtEndPr/>
          <w:sdtContent>
            <w:p w14:paraId="1BC96906" w14:textId="77777777" w:rsidR="008859CF" w:rsidRDefault="007039F8">
              <w:pPr>
                <w:pStyle w:val="Template-AdresseVenstrestillet"/>
              </w:pPr>
              <w:r>
                <w:t>Bygning 101</w:t>
              </w:r>
            </w:p>
          </w:sdtContent>
        </w:sdt>
        <w:sdt>
          <w:sdtPr>
            <w:alias w:val="City"/>
            <w:tag w:val="{&quot;templafy&quot;:{&quot;id&quot;:&quot;1c1b8002-8674-46a6-968f-2f5d8b37a83f&quot;}}"/>
            <w:id w:val="1844354522"/>
            <w:placeholder>
              <w:docPart w:val="DefaultPlaceholder_-1854013440"/>
            </w:placeholder>
          </w:sdtPr>
          <w:sdtEndPr/>
          <w:sdtContent>
            <w:p w14:paraId="18CECDF2" w14:textId="77777777" w:rsidR="008859CF" w:rsidRDefault="007039F8">
              <w:pPr>
                <w:pStyle w:val="Template-AdresseVenstrestillet"/>
              </w:pPr>
              <w:r>
                <w:t>2800 Kgs. Lyngby</w:t>
              </w:r>
            </w:p>
          </w:sdtContent>
        </w:sdt>
      </w:tc>
      <w:tc>
        <w:tcPr>
          <w:tcW w:w="1814" w:type="dxa"/>
        </w:tcPr>
        <w:sdt>
          <w:sdtPr>
            <w:tag w:val="{&quot;templafy&quot;:{&quot;id&quot;:&quot;01f102ac-3f3e-4cb0-b3da-937887e19bee&quot;}}"/>
            <w:id w:val="-2048598055"/>
            <w:placeholder>
              <w:docPart w:val="DefaultPlaceholder_-1854013440"/>
            </w:placeholder>
          </w:sdtPr>
          <w:sdtEndPr/>
          <w:sdtContent>
            <w:p w14:paraId="50BF6A52" w14:textId="77777777" w:rsidR="0026019D" w:rsidRPr="004B550F" w:rsidRDefault="006436E9" w:rsidP="0055679E">
              <w:pPr>
                <w:pStyle w:val="Template-AdresseHjrestillet"/>
              </w:pPr>
              <w:sdt>
                <w:sdtPr>
                  <w:alias w:val="PhoneLabel"/>
                  <w:tag w:val="{&quot;templafy&quot;:{&quot;id&quot;:&quot;6a92c12a-95dc-4c5f-b227-ee6d529ec3f0&quot;}}"/>
                  <w:id w:val="1355548928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Tlf.</w:t>
                  </w:r>
                </w:sdtContent>
              </w:sdt>
              <w:r w:rsidR="0026019D" w:rsidRPr="004B550F">
                <w:t xml:space="preserve">. </w:t>
              </w:r>
              <w:sdt>
                <w:sdtPr>
                  <w:alias w:val="Plus45"/>
                  <w:tag w:val="{&quot;templafy&quot;:{&quot;id&quot;:&quot;a58a89ae-19b5-4eb1-87de-cb29725dfcb9&quot;}}"/>
                  <w:id w:val="-326360782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 xml:space="preserve"> </w:t>
                  </w:r>
                </w:sdtContent>
              </w:sdt>
              <w:r w:rsidR="006C55BF" w:rsidRPr="004B550F">
                <w:t xml:space="preserve"> </w:t>
              </w:r>
              <w:sdt>
                <w:sdtPr>
                  <w:alias w:val="Phone"/>
                  <w:tag w:val="{&quot;templafy&quot;:{&quot;id&quot;:&quot;abae143b-657e-42d4-8500-7cbd8ee5587d&quot;}}"/>
                  <w:id w:val="-1771778065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45 25 25 25</w:t>
                  </w:r>
                </w:sdtContent>
              </w:sdt>
              <w:r w:rsidR="0026019D" w:rsidRPr="004B550F">
                <w:t xml:space="preserve"> </w:t>
              </w:r>
            </w:p>
          </w:sdtContent>
        </w:sdt>
        <w:p w14:paraId="5A5EA879" w14:textId="77777777" w:rsidR="0026019D" w:rsidRPr="00472E46" w:rsidRDefault="0026019D" w:rsidP="00472E46">
          <w:pPr>
            <w:pStyle w:val="Template-AdresseHjrestillet"/>
          </w:pPr>
        </w:p>
      </w:tc>
      <w:tc>
        <w:tcPr>
          <w:tcW w:w="3289" w:type="dxa"/>
        </w:tcPr>
        <w:sdt>
          <w:sdtPr>
            <w:alias w:val="Web"/>
            <w:tag w:val="{&quot;templafy&quot;:{&quot;id&quot;:&quot;32b65293-4070-4c90-bfa3-a16b408e8dc5&quot;}}"/>
            <w:id w:val="1666278623"/>
            <w:placeholder>
              <w:docPart w:val="DefaultPlaceholder_-1854013440"/>
            </w:placeholder>
          </w:sdtPr>
          <w:sdtEndPr/>
          <w:sdtContent>
            <w:p w14:paraId="7C721E3E" w14:textId="77777777" w:rsidR="008859CF" w:rsidRDefault="007039F8">
              <w:pPr>
                <w:pStyle w:val="Template-AdresseHjrestillet"/>
              </w:pPr>
              <w:r>
                <w:t>www.dtu.dk</w:t>
              </w:r>
            </w:p>
          </w:sdtContent>
        </w:sdt>
        <w:p w14:paraId="40FF2D21" w14:textId="77777777" w:rsidR="0026019D" w:rsidRPr="0055679E" w:rsidRDefault="0026019D" w:rsidP="0055679E">
          <w:pPr>
            <w:pStyle w:val="Template-AdresseHjrestillet"/>
          </w:pPr>
        </w:p>
      </w:tc>
    </w:tr>
  </w:tbl>
  <w:p w14:paraId="14C02609" w14:textId="77777777" w:rsidR="009E4B94" w:rsidRPr="00094ABD" w:rsidRDefault="00191702" w:rsidP="00432D6E">
    <w:pPr>
      <w:pStyle w:val="Sidefod"/>
      <w:spacing w:line="60" w:lineRule="exact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1CEB2603" wp14:editId="041E117E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2A6838B4" w14:textId="77777777" w:rsidR="009E19FF" w:rsidRDefault="006436E9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  <w:sdt>
                            <w:sdtPr>
                              <w:alias w:val="CVR"/>
                              <w:tag w:val="{&quot;templafy&quot;:{&quot;id&quot;:&quot;95743a61-0ece-48b0-816c-a15596d761fd&quot;}}"/>
                              <w:id w:val="-1995555206"/>
                            </w:sdtPr>
                            <w:sdtEndPr/>
                            <w:sdtContent>
                              <w:r w:rsidR="006A68BE">
                                <w:t>CVR-nr.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  <w:sdt>
                            <w:sdtPr>
                              <w:alias w:val="Cvr"/>
                              <w:tag w:val="{&quot;templafy&quot;:{&quot;id&quot;:&quot;9ae5b72d-8049-4306-8263-66ae7c05e591&quot;}}"/>
                              <w:id w:val="-1695381377"/>
                            </w:sdtPr>
                            <w:sdtEndPr/>
                            <w:sdtContent>
                              <w:r w:rsidR="006A68BE">
                                <w:t>DK 30 06 09 46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49800CF0" id="_x0000_t202" coordsize="21600,21600" o:spt="202" path="m,l,21600r21600,l21600,xe">
              <v:stroke joinstyle="miter"/>
              <v:path gradientshapeok="t" o:connecttype="rect"/>
            </v:shapetype>
            <v:shape id="CVR" o:spid="_x0000_s1027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" filled="f" stroked="f">
              <v:textbox style="layout-flow:vertical;mso-layout-flow-alt:bottom-to-top" inset="0,0,0,0">
                <w:txbxContent>
                  <w:p w:rsidR="009E19FF" w:rsidRDefault="007039F8" w:rsidP="009E19FF">
                    <w:pPr>
                      <w:pStyle w:val="Template-CVR"/>
                      <w:rPr>
                        <w:szCs w:val="12"/>
                      </w:rPr>
                    </w:pPr>
                    <w:sdt>
                      <w:sdtPr>
                        <w:alias w:val="CVR"/>
                        <w:tag w:val="{&quot;templafy&quot;:{&quot;id&quot;:&quot;95743a61-0ece-48b0-816c-a15596d761fd&quot;}}"/>
                        <w:id w:val="-1995555206"/>
                      </w:sdtPr>
                      <w:sdtEndPr/>
                      <w:sdtContent>
                        <w:r w:rsidR="006A68BE">
                          <w:t>CVR-nr.</w:t>
                        </w:r>
                      </w:sdtContent>
                    </w:sdt>
                    <w:r w:rsidR="009E19FF">
                      <w:t xml:space="preserve"> </w:t>
                    </w:r>
                    <w:sdt>
                      <w:sdtPr>
                        <w:alias w:val="Cvr"/>
                        <w:tag w:val="{&quot;templafy&quot;:{&quot;id&quot;:&quot;9ae5b72d-8049-4306-8263-66ae7c05e591&quot;}}"/>
                        <w:id w:val="-1695381377"/>
                      </w:sdtPr>
                      <w:sdtEndPr/>
                      <w:sdtContent>
                        <w:r w:rsidR="006A68BE">
                          <w:t>DK 30 06 09 46</w:t>
                        </w:r>
                      </w:sdtContent>
                    </w:sdt>
                    <w:r w:rsidR="009E19FF">
                      <w:t xml:space="preserve"> </w:t>
                    </w: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6FA584CB" w14:textId="77777777" w:rsidR="00A20BE7" w:rsidRDefault="00A20BE7" w:rsidP="009E4B94">
      <w:pPr>
        <w:spacing w:line="240" w:lineRule="auto"/>
      </w:pPr>
      <w:r>
        <w:separator/>
      </w:r>
    </w:p>
  </w:footnote>
  <w:footnote w:type="continuationSeparator" w:id="0">
    <w:p w14:paraId="414AB595" w14:textId="77777777" w:rsidR="00A20BE7" w:rsidRDefault="00A20BE7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210D3F2" w14:textId="77777777" w:rsidR="003163BC" w:rsidRDefault="003163BC" w:rsidP="003163BC">
    <w:pPr>
      <w:pStyle w:val="Sidehoved"/>
    </w:pPr>
  </w:p>
  <w:p w14:paraId="6A9FCD71" w14:textId="77777777" w:rsidR="003163BC" w:rsidRDefault="003163BC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3D44F50F" wp14:editId="197A25E8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855f3bb2-2a9b-491e-be5f-2cccf6ff71ae&quot;}}"/>
                            <w:id w:val="1665355536"/>
                            <w:placeholder>
                              <w:docPart w:val="79EB873EF9214AAFB00AE28ED0A0974D"/>
                            </w:placeholder>
                          </w:sdtPr>
                          <w:sdtEndPr/>
                          <w:sdtContent>
                            <w:p w14:paraId="1091BE6E" w14:textId="77777777" w:rsidR="008859CF" w:rsidRDefault="007039F8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92D5357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855f3bb2-2a9b-491e-be5f-2cccf6ff71ae&quot;}}"/>
                      <w:id w:val="1665355536"/>
                      <w:placeholder>
                        <w:docPart w:val="79EB873EF9214AAFB00AE28ED0A0974D"/>
                      </w:placeholder>
                    </w:sdtPr>
                    <w:sdtEndPr/>
                    <w:sdtContent>
                      <w:p w:rsidR="008859CF" w:rsidRDefault="007039F8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8480" behindDoc="0" locked="0" layoutInCell="1" allowOverlap="1" wp14:anchorId="7E0CE681" wp14:editId="4FF3F007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330060269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30060269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066F2E12" w14:textId="77777777" w:rsidR="0009128C" w:rsidRDefault="0009128C" w:rsidP="00DD1936">
    <w:pPr>
      <w:pStyle w:val="Sidehoved"/>
    </w:pPr>
  </w:p>
  <w:p w14:paraId="724728E6" w14:textId="77777777" w:rsidR="008F4D20" w:rsidRDefault="008F4D20" w:rsidP="00DD1936">
    <w:pPr>
      <w:pStyle w:val="Sidehoved"/>
    </w:pPr>
    <w:r>
      <w:rPr>
        <w:noProof/>
        <w:lang w:eastAsia="da-DK"/>
      </w:rPr>
      <w:drawing>
        <wp:anchor distT="0" distB="0" distL="0" distR="0" simplePos="0" relativeHeight="251669504" behindDoc="0" locked="0" layoutInCell="1" allowOverlap="1" wp14:anchorId="5C4C1E79" wp14:editId="6F39F14E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407194727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07194727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0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9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9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90"/>
  <w:proofState w:spelling="clean" w:grammar="clean"/>
  <w:defaultTabStop w:val="1304"/>
  <w:autoHyphenation/>
  <w:hyphenationZone w:val="425"/>
  <w:characterSpacingControl w:val="doNotCompress"/>
  <w:hdrShapeDefaults>
    <o:shapedefaults v:ext="edit" spidmax="6145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14869"/>
    <w:rsid w:val="00016218"/>
    <w:rsid w:val="00022133"/>
    <w:rsid w:val="000253FF"/>
    <w:rsid w:val="00080393"/>
    <w:rsid w:val="0009128C"/>
    <w:rsid w:val="00094ABD"/>
    <w:rsid w:val="000A23C3"/>
    <w:rsid w:val="000E1CF4"/>
    <w:rsid w:val="000E2192"/>
    <w:rsid w:val="001012C9"/>
    <w:rsid w:val="00103E3F"/>
    <w:rsid w:val="0011024B"/>
    <w:rsid w:val="0011041F"/>
    <w:rsid w:val="0013244F"/>
    <w:rsid w:val="00182651"/>
    <w:rsid w:val="00186725"/>
    <w:rsid w:val="00191702"/>
    <w:rsid w:val="001A2273"/>
    <w:rsid w:val="00224CD2"/>
    <w:rsid w:val="00244D70"/>
    <w:rsid w:val="0026019D"/>
    <w:rsid w:val="002629BD"/>
    <w:rsid w:val="00270077"/>
    <w:rsid w:val="00273CAC"/>
    <w:rsid w:val="0027658C"/>
    <w:rsid w:val="002C5297"/>
    <w:rsid w:val="002D5562"/>
    <w:rsid w:val="002E27B6"/>
    <w:rsid w:val="002E74A4"/>
    <w:rsid w:val="0030132B"/>
    <w:rsid w:val="00307422"/>
    <w:rsid w:val="003163BC"/>
    <w:rsid w:val="00344144"/>
    <w:rsid w:val="00346D9C"/>
    <w:rsid w:val="00361BC1"/>
    <w:rsid w:val="00383E6C"/>
    <w:rsid w:val="003A5F2B"/>
    <w:rsid w:val="003B0193"/>
    <w:rsid w:val="003B35B0"/>
    <w:rsid w:val="003C3569"/>
    <w:rsid w:val="003C4AD1"/>
    <w:rsid w:val="003C4F9F"/>
    <w:rsid w:val="003C60F1"/>
    <w:rsid w:val="00416A26"/>
    <w:rsid w:val="00421009"/>
    <w:rsid w:val="00424709"/>
    <w:rsid w:val="00424AD9"/>
    <w:rsid w:val="00432D6E"/>
    <w:rsid w:val="00450FF3"/>
    <w:rsid w:val="00472E46"/>
    <w:rsid w:val="004A5FFD"/>
    <w:rsid w:val="004B550F"/>
    <w:rsid w:val="004C01B2"/>
    <w:rsid w:val="004E1AA9"/>
    <w:rsid w:val="004E601A"/>
    <w:rsid w:val="004F1ED7"/>
    <w:rsid w:val="005137E5"/>
    <w:rsid w:val="005178A7"/>
    <w:rsid w:val="00517AB5"/>
    <w:rsid w:val="00543EF2"/>
    <w:rsid w:val="0055679E"/>
    <w:rsid w:val="00561C72"/>
    <w:rsid w:val="00582AE7"/>
    <w:rsid w:val="0059254F"/>
    <w:rsid w:val="00595ACB"/>
    <w:rsid w:val="005A28D4"/>
    <w:rsid w:val="005B0D19"/>
    <w:rsid w:val="005C5F97"/>
    <w:rsid w:val="005C769C"/>
    <w:rsid w:val="005F1580"/>
    <w:rsid w:val="005F3ED8"/>
    <w:rsid w:val="005F6B57"/>
    <w:rsid w:val="00632C0F"/>
    <w:rsid w:val="006436E9"/>
    <w:rsid w:val="00655B49"/>
    <w:rsid w:val="00674045"/>
    <w:rsid w:val="00681D83"/>
    <w:rsid w:val="006900C2"/>
    <w:rsid w:val="006A68BE"/>
    <w:rsid w:val="006B30A9"/>
    <w:rsid w:val="006C55BF"/>
    <w:rsid w:val="007008EE"/>
    <w:rsid w:val="0070267E"/>
    <w:rsid w:val="007039F8"/>
    <w:rsid w:val="00706E32"/>
    <w:rsid w:val="00722E2F"/>
    <w:rsid w:val="007506D2"/>
    <w:rsid w:val="007546AF"/>
    <w:rsid w:val="007604C8"/>
    <w:rsid w:val="00765934"/>
    <w:rsid w:val="0077451B"/>
    <w:rsid w:val="007830AC"/>
    <w:rsid w:val="0079216B"/>
    <w:rsid w:val="007E373C"/>
    <w:rsid w:val="008002CE"/>
    <w:rsid w:val="00836161"/>
    <w:rsid w:val="00862C5D"/>
    <w:rsid w:val="0088244A"/>
    <w:rsid w:val="00884D06"/>
    <w:rsid w:val="008859CF"/>
    <w:rsid w:val="00892D08"/>
    <w:rsid w:val="00893791"/>
    <w:rsid w:val="008A0291"/>
    <w:rsid w:val="008B7467"/>
    <w:rsid w:val="008E5A6D"/>
    <w:rsid w:val="008F32DF"/>
    <w:rsid w:val="008F4D20"/>
    <w:rsid w:val="009105D1"/>
    <w:rsid w:val="00914B44"/>
    <w:rsid w:val="009155A9"/>
    <w:rsid w:val="0094270E"/>
    <w:rsid w:val="009443BE"/>
    <w:rsid w:val="0094757D"/>
    <w:rsid w:val="00951B25"/>
    <w:rsid w:val="009737E4"/>
    <w:rsid w:val="0097654B"/>
    <w:rsid w:val="00983B74"/>
    <w:rsid w:val="00987EF9"/>
    <w:rsid w:val="00990263"/>
    <w:rsid w:val="009A4CCC"/>
    <w:rsid w:val="009C0BF2"/>
    <w:rsid w:val="009C50EC"/>
    <w:rsid w:val="009D1E80"/>
    <w:rsid w:val="009E19FF"/>
    <w:rsid w:val="009E4B94"/>
    <w:rsid w:val="00A20BE7"/>
    <w:rsid w:val="00A91DA5"/>
    <w:rsid w:val="00AB4582"/>
    <w:rsid w:val="00AC3C14"/>
    <w:rsid w:val="00AD5F89"/>
    <w:rsid w:val="00AF1D02"/>
    <w:rsid w:val="00B00D92"/>
    <w:rsid w:val="00B04099"/>
    <w:rsid w:val="00B0422A"/>
    <w:rsid w:val="00B12C7F"/>
    <w:rsid w:val="00B217E5"/>
    <w:rsid w:val="00B24E70"/>
    <w:rsid w:val="00B33A49"/>
    <w:rsid w:val="00B456FC"/>
    <w:rsid w:val="00B62F42"/>
    <w:rsid w:val="00B94904"/>
    <w:rsid w:val="00BB4255"/>
    <w:rsid w:val="00BE4451"/>
    <w:rsid w:val="00C12117"/>
    <w:rsid w:val="00C14AA8"/>
    <w:rsid w:val="00C21687"/>
    <w:rsid w:val="00C24E51"/>
    <w:rsid w:val="00C357EF"/>
    <w:rsid w:val="00C41FB1"/>
    <w:rsid w:val="00C439CB"/>
    <w:rsid w:val="00C6612F"/>
    <w:rsid w:val="00C708B8"/>
    <w:rsid w:val="00CA0183"/>
    <w:rsid w:val="00CA0A7D"/>
    <w:rsid w:val="00CA4355"/>
    <w:rsid w:val="00CC2542"/>
    <w:rsid w:val="00CC452E"/>
    <w:rsid w:val="00CC6322"/>
    <w:rsid w:val="00CD2800"/>
    <w:rsid w:val="00CE5168"/>
    <w:rsid w:val="00D109FE"/>
    <w:rsid w:val="00D23124"/>
    <w:rsid w:val="00D27CE6"/>
    <w:rsid w:val="00D27D0E"/>
    <w:rsid w:val="00D3752F"/>
    <w:rsid w:val="00D53670"/>
    <w:rsid w:val="00D87C66"/>
    <w:rsid w:val="00D96141"/>
    <w:rsid w:val="00DB31AF"/>
    <w:rsid w:val="00DC246F"/>
    <w:rsid w:val="00DC4706"/>
    <w:rsid w:val="00DC61BD"/>
    <w:rsid w:val="00DD1936"/>
    <w:rsid w:val="00DE2B28"/>
    <w:rsid w:val="00E30D0F"/>
    <w:rsid w:val="00E35FEC"/>
    <w:rsid w:val="00E53EE9"/>
    <w:rsid w:val="00E55DC2"/>
    <w:rsid w:val="00E6418F"/>
    <w:rsid w:val="00E72CBB"/>
    <w:rsid w:val="00E93646"/>
    <w:rsid w:val="00EC7360"/>
    <w:rsid w:val="00ED6EC5"/>
    <w:rsid w:val="00EF46EB"/>
    <w:rsid w:val="00F04788"/>
    <w:rsid w:val="00F233E7"/>
    <w:rsid w:val="00F710A5"/>
    <w:rsid w:val="00F73354"/>
    <w:rsid w:val="00F94020"/>
    <w:rsid w:val="00FA545C"/>
    <w:rsid w:val="00FB793D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6145"/>
    <o:shapelayout v:ext="edit">
      <o:idmap v:ext="edit" data="1"/>
    </o:shapelayout>
  </w:shapeDefaults>
  <w:decimalSymbol w:val=","/>
  <w:listSeparator w:val=";"/>
  <w14:docId w14:val="1E00B89F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AC3C14"/>
  </w:style>
  <w:style w:type="paragraph" w:styleId="Overskrift1">
    <w:name w:val="heading 1"/>
    <w:basedOn w:val="Normal"/>
    <w:next w:val="Normal"/>
    <w:link w:val="Overskrift1Tegn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AC3C14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AC3C14"/>
    <w:rPr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E55DC2"/>
    <w:rPr>
      <w:rFonts w:eastAsiaTheme="majorEastAsia" w:cstheme="majorBidi"/>
      <w:b/>
      <w:bCs/>
      <w:sz w:val="26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AC3C14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AC3C14"/>
    <w:rPr>
      <w:sz w:val="16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AC3C14"/>
    <w:rPr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C3C1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AC3C14"/>
    <w:rPr>
      <w:b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el-Normal"/>
    <w:uiPriority w:val="99"/>
    <w:rsid w:val="00884D06"/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416A26"/>
    <w:pPr>
      <w:keepNext/>
      <w:keepLines/>
    </w:pPr>
    <w:rPr>
      <w:b/>
    </w:r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Sidefod"/>
    <w:uiPriority w:val="21"/>
    <w:semiHidden/>
    <w:qFormat/>
    <w:rsid w:val="00E35FEC"/>
    <w:pPr>
      <w:ind w:right="-2552"/>
      <w:jc w:val="right"/>
    </w:pPr>
  </w:style>
  <w:style w:type="table" w:customStyle="1" w:styleId="Tabel-Gitter1">
    <w:name w:val="Tabel - Gitter1"/>
    <w:basedOn w:val="Tabel-Normal"/>
    <w:next w:val="Tabel-Gitter"/>
    <w:uiPriority w:val="39"/>
    <w:rsid w:val="00A20BE7"/>
    <w:pPr>
      <w:spacing w:line="240" w:lineRule="auto"/>
    </w:pPr>
    <w:rPr>
      <w:rFonts w:ascii="Calibri" w:hAnsi="Calibri" w:cs="Times New Roman"/>
      <w:sz w:val="22"/>
      <w:szCs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286281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17363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580079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DF9C25F-B2B7-4405-B921-A40721196352}"/>
      </w:docPartPr>
      <w:docPartBody>
        <w:p w:rsidR="00342E59" w:rsidRDefault="00EB18D1">
          <w:r w:rsidRPr="00A45A5D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79EB873EF9214AAFB00AE28ED0A097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9C9AE28-9994-45B0-9220-D02F7DAA092B}"/>
      </w:docPartPr>
      <w:docPartBody>
        <w:p w:rsidR="00AE3504" w:rsidRDefault="00EC4ECB" w:rsidP="00EC4ECB">
          <w:pPr>
            <w:pStyle w:val="79EB873EF9214AAFB00AE28ED0A0974D"/>
          </w:pPr>
          <w:r w:rsidRPr="00A45A5D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EB18D1"/>
    <w:rsid w:val="000918F6"/>
    <w:rsid w:val="00122926"/>
    <w:rsid w:val="0016552F"/>
    <w:rsid w:val="001A57B9"/>
    <w:rsid w:val="001F03D4"/>
    <w:rsid w:val="00240211"/>
    <w:rsid w:val="00267335"/>
    <w:rsid w:val="00342E59"/>
    <w:rsid w:val="00382F9D"/>
    <w:rsid w:val="00397237"/>
    <w:rsid w:val="0041556A"/>
    <w:rsid w:val="004326F3"/>
    <w:rsid w:val="00440D8B"/>
    <w:rsid w:val="004C1EBE"/>
    <w:rsid w:val="005833A0"/>
    <w:rsid w:val="00592CE9"/>
    <w:rsid w:val="005936E9"/>
    <w:rsid w:val="005E0FCF"/>
    <w:rsid w:val="00614420"/>
    <w:rsid w:val="00686209"/>
    <w:rsid w:val="006A34FD"/>
    <w:rsid w:val="00766070"/>
    <w:rsid w:val="007A2B70"/>
    <w:rsid w:val="007A3A5E"/>
    <w:rsid w:val="00807F09"/>
    <w:rsid w:val="008C6A31"/>
    <w:rsid w:val="009F7D7F"/>
    <w:rsid w:val="00A31CD6"/>
    <w:rsid w:val="00A745B6"/>
    <w:rsid w:val="00AA67A0"/>
    <w:rsid w:val="00AE3504"/>
    <w:rsid w:val="00B62053"/>
    <w:rsid w:val="00BC5D3D"/>
    <w:rsid w:val="00BD06B4"/>
    <w:rsid w:val="00BD4790"/>
    <w:rsid w:val="00C4631B"/>
    <w:rsid w:val="00C830CE"/>
    <w:rsid w:val="00D12900"/>
    <w:rsid w:val="00DB2F99"/>
    <w:rsid w:val="00E02D54"/>
    <w:rsid w:val="00E83A23"/>
    <w:rsid w:val="00E90005"/>
    <w:rsid w:val="00EB18D1"/>
    <w:rsid w:val="00EC4ECB"/>
    <w:rsid w:val="00ED05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41556A"/>
  </w:style>
  <w:style w:type="paragraph" w:customStyle="1" w:styleId="F86346EE12B04ED8B6284B552662760F">
    <w:name w:val="F86346EE12B04ED8B6284B552662760F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1">
    <w:name w:val="F86346EE12B04ED8B6284B552662760F1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">
    <w:name w:val="E5CF33444FE14EC094CFB88989C4C5A5"/>
    <w:rsid w:val="00EB18D1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">
    <w:name w:val="6B49151AA69249FFB8FFFDDFEC204916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2">
    <w:name w:val="F86346EE12B04ED8B6284B552662760F2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1">
    <w:name w:val="E5CF33444FE14EC094CFB88989C4C5A51"/>
    <w:rsid w:val="00342E59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1">
    <w:name w:val="6B49151AA69249FFB8FFFDDFEC2049161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3">
    <w:name w:val="F86346EE12B04ED8B6284B552662760F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2">
    <w:name w:val="E5CF33444FE14EC094CFB88989C4C5A52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2">
    <w:name w:val="6B49151AA69249FFB8FFFDDFEC2049162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character" w:styleId="Sidetal">
    <w:name w:val="page number"/>
    <w:basedOn w:val="Standardskrifttypeiafsnit"/>
    <w:uiPriority w:val="21"/>
    <w:rsid w:val="000918F6"/>
    <w:rPr>
      <w:rFonts w:ascii="Arial" w:hAnsi="Arial"/>
      <w:sz w:val="14"/>
    </w:rPr>
  </w:style>
  <w:style w:type="paragraph" w:customStyle="1" w:styleId="F70498DCA6644D568CCADAFD1A9B1FF7">
    <w:name w:val="F70498DCA6644D568CCADAFD1A9B1FF7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4">
    <w:name w:val="F86346EE12B04ED8B6284B552662760F4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3">
    <w:name w:val="E5CF33444FE14EC094CFB88989C4C5A53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3">
    <w:name w:val="6B49151AA69249FFB8FFFDDFEC204916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70498DCA6644D568CCADAFD1A9B1FF71">
    <w:name w:val="F70498DCA6644D568CCADAFD1A9B1FF71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7BE0ECA4BFA44A839DEA1CBDCDE386C8">
    <w:name w:val="7BE0ECA4BFA44A839DEA1CBDCDE386C8"/>
    <w:rsid w:val="004C1EBE"/>
  </w:style>
  <w:style w:type="paragraph" w:customStyle="1" w:styleId="F86346EE12B04ED8B6284B552662760F5">
    <w:name w:val="F86346EE12B04ED8B6284B552662760F5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4">
    <w:name w:val="E5CF33444FE14EC094CFB88989C4C5A54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1">
    <w:name w:val="7BE0ECA4BFA44A839DEA1CBDCDE386C8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8EA9087C09D341E3A093C54A35B7349B">
    <w:name w:val="8EA9087C09D341E3A093C54A35B7349B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76389F61E65E44C490E1120A62A0EB58">
    <w:name w:val="76389F61E65E44C490E1120A62A0EB58"/>
    <w:rsid w:val="00807F09"/>
  </w:style>
  <w:style w:type="paragraph" w:customStyle="1" w:styleId="F86346EE12B04ED8B6284B552662760F6">
    <w:name w:val="F86346EE12B04ED8B6284B552662760F6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5">
    <w:name w:val="E5CF33444FE14EC094CFB88989C4C5A55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2">
    <w:name w:val="7BE0ECA4BFA44A839DEA1CBDCDE386C82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8EA9087C09D341E3A093C54A35B7349B1">
    <w:name w:val="8EA9087C09D341E3A093C54A35B7349B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7">
    <w:name w:val="F86346EE12B04ED8B6284B552662760F7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6">
    <w:name w:val="E5CF33444FE14EC094CFB88989C4C5A56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3">
    <w:name w:val="7BE0ECA4BFA44A839DEA1CBDCDE386C83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ABFD962B3C047098C30386BCE031FC1">
    <w:name w:val="EABFD962B3C047098C30386BCE031FC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8">
    <w:name w:val="F86346EE12B04ED8B6284B552662760F8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7">
    <w:name w:val="E5CF33444FE14EC094CFB88989C4C5A57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4">
    <w:name w:val="7BE0ECA4BFA44A839DEA1CBDCDE386C84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ABFD962B3C047098C30386BCE031FC11">
    <w:name w:val="EABFD962B3C047098C30386BCE031FC1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991066F3DDDB408ABBF0FECB0A4E8C68">
    <w:name w:val="991066F3DDDB408ABBF0FECB0A4E8C68"/>
    <w:rsid w:val="00240211"/>
  </w:style>
  <w:style w:type="paragraph" w:customStyle="1" w:styleId="F86346EE12B04ED8B6284B552662760F9">
    <w:name w:val="F86346EE12B04ED8B6284B552662760F9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8">
    <w:name w:val="E5CF33444FE14EC094CFB88989C4C5A58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5">
    <w:name w:val="7BE0ECA4BFA44A839DEA1CBDCDE386C85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059856FBB6714B85BEC8351130F90914">
    <w:name w:val="059856FBB6714B85BEC8351130F90914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10">
    <w:name w:val="F86346EE12B04ED8B6284B552662760F10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9">
    <w:name w:val="E5CF33444FE14EC094CFB88989C4C5A59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6">
    <w:name w:val="7BE0ECA4BFA44A839DEA1CBDCDE386C86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059856FBB6714B85BEC8351130F909141">
    <w:name w:val="059856FBB6714B85BEC8351130F909141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D83C05ECCB824B3E8592B74D16554948">
    <w:name w:val="D83C05ECCB824B3E8592B74D16554948"/>
    <w:rsid w:val="00DB2F99"/>
  </w:style>
  <w:style w:type="paragraph" w:customStyle="1" w:styleId="F86346EE12B04ED8B6284B552662760F11">
    <w:name w:val="F86346EE12B04ED8B6284B552662760F11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10">
    <w:name w:val="E5CF33444FE14EC094CFB88989C4C5A510"/>
    <w:rsid w:val="00DB2F9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7">
    <w:name w:val="7BE0ECA4BFA44A839DEA1CBDCDE386C87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79CE94459AC4D03B44BCE5C4A7FF379">
    <w:name w:val="F79CE94459AC4D03B44BCE5C4A7FF379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BF7135B41FF94C78A88212368A15A863">
    <w:name w:val="BF7135B41FF94C78A88212368A15A863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91FE9E5BAFAD489486480492A1E54B01">
    <w:name w:val="91FE9E5BAFAD489486480492A1E54B01"/>
    <w:rsid w:val="00EC4ECB"/>
  </w:style>
  <w:style w:type="paragraph" w:customStyle="1" w:styleId="213F2C9AB2204BF9BFE087982767C878">
    <w:name w:val="213F2C9AB2204BF9BFE087982767C878"/>
    <w:rsid w:val="00EC4ECB"/>
  </w:style>
  <w:style w:type="paragraph" w:customStyle="1" w:styleId="79EB873EF9214AAFB00AE28ED0A0974D">
    <w:name w:val="79EB873EF9214AAFB00AE28ED0A0974D"/>
    <w:rsid w:val="00EC4ECB"/>
  </w:style>
  <w:style w:type="paragraph" w:customStyle="1" w:styleId="806D3A5874EE4EACAF9A34F35946C787">
    <w:name w:val="806D3A5874EE4EACAF9A34F35946C787"/>
    <w:rsid w:val="00BC5D3D"/>
  </w:style>
  <w:style w:type="paragraph" w:customStyle="1" w:styleId="AE6F69215F8648B593CE44511BEB134C">
    <w:name w:val="AE6F69215F8648B593CE44511BEB134C"/>
    <w:rsid w:val="00BC5D3D"/>
  </w:style>
  <w:style w:type="paragraph" w:customStyle="1" w:styleId="33B9933ABFA043B190CE657F8BDB94BE">
    <w:name w:val="33B9933ABFA043B190CE657F8BDB94BE"/>
    <w:rsid w:val="00BC5D3D"/>
  </w:style>
  <w:style w:type="paragraph" w:customStyle="1" w:styleId="EA37D3E426824958BA91EDFBD00B186A">
    <w:name w:val="EA37D3E426824958BA91EDFBD00B186A"/>
    <w:rsid w:val="00BC5D3D"/>
  </w:style>
  <w:style w:type="paragraph" w:customStyle="1" w:styleId="DE66262BB2314FA1AD38FB21743EE486">
    <w:name w:val="DE66262BB2314FA1AD38FB21743EE486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0820DAA38F74F55B333925E6252B082">
    <w:name w:val="E0820DAA38F74F55B333925E6252B082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B1DF884EB784E4DB1053376C47640AE">
    <w:name w:val="5B1DF884EB784E4DB1053376C47640AE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4B621B48113D46CBB52FDD6A8CE2521C">
    <w:name w:val="4B621B48113D46CBB52FDD6A8CE2521C"/>
    <w:rsid w:val="0041556A"/>
  </w:style>
  <w:style w:type="paragraph" w:customStyle="1" w:styleId="37259E34C2B646E9A16AEA0D076BA569">
    <w:name w:val="37259E34C2B646E9A16AEA0D076BA569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87DDD25D69245FCB4A6FD2848378C27">
    <w:name w:val="587DDD25D69245FCB4A6FD2848378C27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A3B66A9D3E44D23B025F6B67A64A840">
    <w:name w:val="5A3B66A9D3E44D23B025F6B67A64A840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36EAC9D025A24751B08F6E54DBD44826">
    <w:name w:val="36EAC9D025A24751B08F6E54DBD44826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{"type":"richTextContentControl","id":"855f3bb2-2a9b-491e-be5f-2cccf6ff71ae","elementConfiguration":{"binding":"Form.Classification.Displayname_{{DocumentLanguage}}","visibility":{"action":"hide","operator":"equals","compareValue":""},"removeAndKeepContent":false,"disableUpdates":false,"type":"text"}},{"type":"richTextContentControl","id":"55e5dbf5-8170-4a5e-a8b9-a7d12822f962","elementConfiguration":{"binding":"Form.Classification.Displayname_{{DocumentLanguage}}","visibility":{"action":"hide","operator":"equals","compareValue":""},"removeAndKeepContent":false,"disableUpdates":false,"type":"text"}},{"type":"richTextContentControl","id":"15aa71a8-8a11-4a29-b660-d3f483c09772","elementConfiguration":{"binding":"UserProfile.Offices.Workarea_{{DocumentLanguage}}","visibility":{"action":"hide","operator":"equals","compareValue":""},"removeAndKeepContent":false,"disableUpdates":false,"type":"text"}},{"type":"richTextContentControl","id":"2b90d9b2-9bcb-48d8-a4f2-502afffa48a7","elementConfiguration":{"binding":"UserProfile.Offices.Name_{{DocumentLanguage}}","visibility":{"action":"hide","operator":"equals","compareValue":""},"removeAndKeepContent":false,"disableUpdates":false,"type":"text"}},{"type":"richTextContentControl","id":"0253c736-661a-4f84-ab83-cce1e8766dd1","elementConfiguration":{"binding":"UserProfile.Offices.Address_{{DocumentLanguage}}","visibility":{"action":"hide","operator":"equals","compareValue":""},"removeAndKeepContent":false,"disableUpdates":false,"type":"text"}},{"type":"richTextContentControl","id":"001eed0f-25af-4507-b8bc-00fff55068b7","elementConfiguration":{"binding":"UserProfile.Offices.Department_{{DocumentLanguage}}","visibility":{"action":"hide","operator":"equals","compareValue":""},"removeAndKeepContent":false,"disableUpdates":false,"type":"text"}},{"type":"richTextContentControl","id":"1c1b8002-8674-46a6-968f-2f5d8b37a83f","elementConfiguration":{"binding":"UserProfile.Offices.City_{{DocumentLanguage}}","visibility":{"action":"hide","operator":"equals","compareValue":""},"removeAndKeepContent":false,"disableUpdates":false,"type":"text"}},{"type":"richTextContentControl","id":"01f102ac-3f3e-4cb0-b3da-937887e19bee","elementConfiguration":{"visibility":{"action":"hide","binding":"UserProfile.Offices.Phone","operator":"equals","compareValue":""},"disableUpdates":false,"type":"group"}},{"type":"richTextContentControl","id":"6a92c12a-95dc-4c5f-b227-ee6d529ec3f0","elementConfiguration":{"binding":"Translations.Tlf","removeAndKeepContent":false,"disableUpdates":false,"type":"text"}},{"type":"richTextContentControl","id":"a58a89ae-19b5-4eb1-87de-cb29725dfcb9","elementConfiguration":{"binding":"Translations.Plus45","removeAndKeepContent":false,"disableUpdates":false,"type":"text"}},{"type":"richTextContentControl","id":"abae143b-657e-42d4-8500-7cbd8ee5587d","elementConfiguration":{"binding":"UserProfile.Offices.Phone","visibility":{"action":"hide","operator":"equals","compareValue":""},"removeAndKeepContent":false,"disableUpdates":false,"type":"text"}},{"type":"richTextContentControl","id":"32b65293-4070-4c90-bfa3-a16b408e8dc5","elementConfiguration":{"binding":"UserProfile.Offices.Web","visibility":{"action":"hide","operator":"equals","compareValue":""},"removeAndKeepContent":false,"disableUpdates":false,"type":"text"}},{"type":"richTextContentControl","id":"95743a61-0ece-48b0-816c-a15596d761fd","elementConfiguration":{"binding":"Translations.CVR","visibility":{"action":"hide","binding":"UserProfile.Offices.Cvr","operator":"equals","compareValue":""},"removeAndKeepContent":false,"disableUpdates":false,"type":"text"}},{"type":"richTextContentControl","id":"9ae5b72d-8049-4306-8263-66ae7c05e591","elementConfiguration":{"binding":"UserProfile.Offices.Cvr","visibility":{"action":"hide","operator":"equals","compareValue":""},"removeAndKeepContent":false,"disableUpdates":false,"type":"text"}},{"type":"richTextContentControl","id":"3ab73674-13fa-4e38-8eea-acc4a6943f62","elementConfiguration":{"binding":"Translations.CVR","visibility":{"action":"hide","binding":"UserProfile.Offices.Cvr","operator":"equals","compareValue":""},"removeAndKeepContent":false,"disableUpdates":false,"type":"text"}},{"type":"richTextContentControl","id":"3ccf63b0-df40-406c-bf33-ec4cd0f7f80e","elementConfiguration":{"binding":"UserProfile.Offices.Cvr","visibility":{"action":"hide","operator":"equals","compareValue":""},"removeAndKeepContent":false,"disableUpdates":false,"type":"text"}},{"type":"richTextContentControl","id":"a6efd53f-3f8b-4800-9902-1440a8a0f0e9","elementConfiguration":{"binding":"Translations.Page","removeAndKeepContent":false,"disableUpdates":false,"type":"text"}},{"type":"richTextContentControl","id":"14fc009c-9ec4-468a-a229-2cdc7f2b8eca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2.xml><?xml version="1.0" encoding="utf-8"?>
<TemplafyFormConfiguration><![CDATA[{"formFields":[{"required":false,"type":"datePicker","name":"Date","label":"Dato","helpTexts":{"prefix":"","postfix":""},"spacing":{},"fullyQualifiedName":"Date"},{"hideIfNoUserInteractionRequired":false,"distinct":true,"required":true,"autoSelectFirstOption":false,"dataSource":"Classification","displayColumn":"term","defaultValue":"1","type":"dropDown","name":"Classification","label":"Klassifikation","helpTexts":{"prefix":"","postfix":""},"spacing":{},"fullyQualifiedName":"Classification"},{"required":false,"placeholder":"","lines":0,"type":"textBox","name":"JournalNr","label":"Journal","helpTexts":{"prefix":"","postfix":""},"spacing":{},"fullyQualifiedName":"JournalNr"}],"formDataEntries":[{"name":"Date","value":"h1XHm188dYyzfWGgsl31Rg=="},{"name":"Classification","value":"Agn9CllElNW+sJ05MufjwQ=="}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421489C80A0D104F9B9CCD54BA765375" ma:contentTypeVersion="9" ma:contentTypeDescription="Opret et nyt dokument." ma:contentTypeScope="" ma:versionID="7c658b3b7f9c772436f6103f8e9cc9f8">
  <xsd:schema xmlns:xsd="http://www.w3.org/2001/XMLSchema" xmlns:xs="http://www.w3.org/2001/XMLSchema" xmlns:p="http://schemas.microsoft.com/office/2006/metadata/properties" xmlns:ns3="ee966960-069f-4540-9cb6-9187a6e11691" xmlns:ns4="f39697c2-a0b1-4ff5-88fa-7bc9876a4b34" targetNamespace="http://schemas.microsoft.com/office/2006/metadata/properties" ma:root="true" ma:fieldsID="28efe106fd193d98030a1ee1a7919e8c" ns3:_="" ns4:_="">
    <xsd:import namespace="ee966960-069f-4540-9cb6-9187a6e11691"/>
    <xsd:import namespace="f39697c2-a0b1-4ff5-88fa-7bc9876a4b34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e966960-069f-4540-9cb6-9187a6e1169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39697c2-a0b1-4ff5-88fa-7bc9876a4b34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2" nillable="true" ma:displayName="Hashværdi for deling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E43470DE-38A5-4914-A8C1-40A6DE362163}">
  <ds:schemaRefs/>
</ds:datastoreItem>
</file>

<file path=customXml/itemProps2.xml><?xml version="1.0" encoding="utf-8"?>
<ds:datastoreItem xmlns:ds="http://schemas.openxmlformats.org/officeDocument/2006/customXml" ds:itemID="{2F9AA33F-0954-4AD6-960D-288F45C412F2}">
  <ds:schemaRefs/>
</ds:datastoreItem>
</file>

<file path=customXml/itemProps3.xml><?xml version="1.0" encoding="utf-8"?>
<ds:datastoreItem xmlns:ds="http://schemas.openxmlformats.org/officeDocument/2006/customXml" ds:itemID="{A82A189B-A1A5-4533-9DBB-EC531EB483E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e966960-069f-4540-9cb6-9187a6e11691"/>
    <ds:schemaRef ds:uri="f39697c2-a0b1-4ff5-88fa-7bc9876a4b3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D66A0FDA-4434-43ED-9F31-12357FAB8A4C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FA6FE23D-D95D-4B10-A937-C973362BA7FD}">
  <ds:schemaRefs>
    <ds:schemaRef ds:uri="http://schemas.microsoft.com/office/infopath/2007/PartnerControls"/>
    <ds:schemaRef ds:uri="ee966960-069f-4540-9cb6-9187a6e11691"/>
    <ds:schemaRef ds:uri="http://purl.org/dc/elements/1.1/"/>
    <ds:schemaRef ds:uri="http://schemas.microsoft.com/office/2006/metadata/properties"/>
    <ds:schemaRef ds:uri="http://schemas.microsoft.com/office/2006/documentManagement/types"/>
    <ds:schemaRef ds:uri="http://purl.org/dc/terms/"/>
    <ds:schemaRef ds:uri="http://schemas.openxmlformats.org/package/2006/metadata/core-properties"/>
    <ds:schemaRef ds:uri="http://purl.org/dc/dcmitype/"/>
    <ds:schemaRef ds:uri="f39697c2-a0b1-4ff5-88fa-7bc9876a4b34"/>
    <ds:schemaRef ds:uri="http://www.w3.org/XML/1998/namespac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1</Pages>
  <Words>54</Words>
  <Characters>331</Characters>
  <Application>Microsoft Office Word</Application>
  <DocSecurity>0</DocSecurity>
  <Lines>2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Dokument</vt:lpstr>
      <vt:lpstr>Dokument</vt:lpstr>
    </vt:vector>
  </TitlesOfParts>
  <Company/>
  <LinksUpToDate>false</LinksUpToDate>
  <CharactersWithSpaces>38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Mathilde Niess Rabenberg</dc:creator>
  <cp:lastModifiedBy>Mathilde Niess Rabenberg</cp:lastModifiedBy>
  <cp:revision>2</cp:revision>
  <dcterms:created xsi:type="dcterms:W3CDTF">2020-03-27T09:45:00Z</dcterms:created>
  <dcterms:modified xsi:type="dcterms:W3CDTF">2020-03-27T09:4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922965973469520</vt:lpwstr>
  </property>
  <property fmtid="{D5CDD505-2E9C-101B-9397-08002B2CF9AE}" pid="5" name="TemplafyLanguageCode">
    <vt:lpwstr>da-DK</vt:lpwstr>
  </property>
  <property fmtid="{D5CDD505-2E9C-101B-9397-08002B2CF9AE}" pid="6" name="ContentTypeId">
    <vt:lpwstr>0x010100421489C80A0D104F9B9CCD54BA765375</vt:lpwstr>
  </property>
</Properties>
</file>